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"/>
  </p:notesMasterIdLst>
  <p:sldIdLst>
    <p:sldId id="256" r:id="rId2"/>
  </p:sldIdLst>
  <p:sldSz cx="12192000" cy="6858000"/>
  <p:notesSz cx="6858000" cy="9144000"/>
  <p:custDataLst>
    <p:tags r:id="rId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995" autoAdjust="0"/>
    <p:restoredTop sz="94660"/>
  </p:normalViewPr>
  <p:slideViewPr>
    <p:cSldViewPr snapToGrid="0">
      <p:cViewPr varScale="1">
        <p:scale>
          <a:sx n="85" d="100"/>
          <a:sy n="85" d="100"/>
        </p:scale>
        <p:origin x="518" y="53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bleStyles" Target="tableStyles.xml"/><Relationship Id="rId3" Type="http://schemas.openxmlformats.org/officeDocument/2006/relationships/notesMaster" Target="notesMasters/notesMaster1.xml"/><Relationship Id="rId7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viewProps" Target="viewProps.xml"/><Relationship Id="rId5" Type="http://schemas.openxmlformats.org/officeDocument/2006/relationships/presProps" Target="presProps.xml"/><Relationship Id="rId4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6EEDD159-BE60-4FAC-9D3F-DCB85A2CECE7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E8270603-2711-43CB-8C8E-339E214A64E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6632884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270603-2711-43CB-8C8E-339E214A64E0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2915096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3569076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8352205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868506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9251409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1806291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1617983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8197501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4624961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4072814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539166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8811749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7A3216-7309-44BA-99D1-3C9D815F65BF}" type="datetimeFigureOut">
              <a:rPr lang="en-US" smtClean="0"/>
              <a:t>12/30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2B6E10B-CB4F-4B30-A826-87B428FEAF3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6375303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283768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E5EB7222-43C7-460F-B188-94A3B56E8B61}"/>
  <p:tag name="ISPRING_RESOURCE_FOLDER" val="E:\KHKT THA3\Guong sang anh hung\Guong anh hung\"/>
  <p:tag name="ISPRING_PRESENTATION_PATH" val="E:\KHKT THA3\Guong sang anh hung\Guong anh hung.pptx"/>
  <p:tag name="ISPRING_PROJECT_VERSION" val="9"/>
  <p:tag name="ISPRING_PROJECT_FOLDER_UPDATED" val="1"/>
  <p:tag name="ISPRING_SCREEN_RECS_UPDATED" val="E:\KHKT THA3\Guong sang anh hung\Guong anh hung\"/>
  <p:tag name="ISPRING_PLAYERS_CUSTOMIZATION_2" val="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"/>
  <p:tag name="ISPRING_LMS_API_VERSION" val="SCORM 1.2"/>
  <p:tag name="ISPRING_ULTRA_SCORM_COURSE_ID" val="61401177-0F22-47E7-A290-0FC021F6EA7D"/>
  <p:tag name="ISPRING_CMI5_LAUNCH_METHOD" val="any window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SCORM_RATE_SLIDES" val="0"/>
  <p:tag name="ISPRING_SCORM_RATE_QUIZZES" val="0"/>
  <p:tag name="ISPRING_SCORM_PASSING_SCORE" val="0.000000"/>
  <p:tag name="ISPRING_CURRENT_PLAYER_ID" val="universal"/>
  <p:tag name="ISPRING_PRESENTATION_TITLE" val="Guong anh hung"/>
  <p:tag name="ISPRING_FIRST_PUBLI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MediaCards"/>
  <p:tag name="ISPRING_INTERACTION_FULL_PATH" val="E:\KHKT THA3\Guong sang anh hung\Guong anh hung\interactions\intr1.visuals"/>
  <p:tag name="ISPRING_INTERACTION_RELATIVE_PATH" val="Guong anh hung\interactions\intr1.visuals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48</TotalTime>
  <Words>1</Words>
  <Application>Microsoft Office PowerPoint</Application>
  <PresentationFormat>Widescreen</PresentationFormat>
  <Paragraphs>1</Paragraphs>
  <Slides>1</Slides>
  <Notes>1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</vt:i4>
      </vt:variant>
    </vt:vector>
  </HeadingPairs>
  <TitlesOfParts>
    <vt:vector size="5" baseType="lpstr">
      <vt:lpstr>Arial</vt:lpstr>
      <vt:lpstr>Calibri</vt:lpstr>
      <vt:lpstr>Calibri Light</vt:lpstr>
      <vt:lpstr>Office Theme</vt:lpstr>
      <vt:lpstr>PowerPoint Presentation</vt:lpstr>
    </vt:vector>
  </TitlesOfParts>
  <Company>Phienbanmoi.com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uong anh hung</dc:title>
  <dc:creator>LEHAIT</dc:creator>
  <cp:lastModifiedBy>LEHAIT</cp:lastModifiedBy>
  <cp:revision>6</cp:revision>
  <dcterms:created xsi:type="dcterms:W3CDTF">2021-12-30T07:24:20Z</dcterms:created>
  <dcterms:modified xsi:type="dcterms:W3CDTF">2021-12-30T08:12:52Z</dcterms:modified>
</cp:coreProperties>
</file>